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44A3089F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445C8D">
        <w:rPr>
          <w:rFonts w:ascii="Arial" w:hAnsi="Arial" w:cs="Arial"/>
          <w:sz w:val="40"/>
          <w:szCs w:val="40"/>
        </w:rPr>
        <w:t>Maskinfabrikken Faust Ap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445C8D">
        <w:rPr>
          <w:rFonts w:ascii="Arial" w:hAnsi="Arial" w:cs="Arial"/>
          <w:sz w:val="40"/>
          <w:szCs w:val="40"/>
        </w:rPr>
        <w:t>Vester Fjordvej 1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445C8D">
        <w:rPr>
          <w:rFonts w:ascii="Arial" w:hAnsi="Arial" w:cs="Arial"/>
          <w:sz w:val="40"/>
          <w:szCs w:val="40"/>
        </w:rPr>
        <w:t>928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445C8D">
        <w:rPr>
          <w:rFonts w:ascii="Arial" w:hAnsi="Arial" w:cs="Arial"/>
          <w:sz w:val="40"/>
          <w:szCs w:val="40"/>
        </w:rPr>
        <w:t>Storvorde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3D8E9B98" w:rsidR="00EC6E6D" w:rsidRPr="00245E8B" w:rsidRDefault="00445C8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6.08.2022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1366B6B7" w:rsidR="00EC6E6D" w:rsidRPr="00245E8B" w:rsidRDefault="00445C8D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235F204C" w:rsidR="00EC6E6D" w:rsidRPr="00245E8B" w:rsidRDefault="00445C8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311055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27756CD1" w:rsidR="00EC6E6D" w:rsidRPr="00245E8B" w:rsidRDefault="00445C8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15167777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667C394F" w:rsidR="00EC6E6D" w:rsidRPr="00245E8B" w:rsidRDefault="00445C8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mail@faust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77777777" w:rsidR="00EC6E6D" w:rsidRPr="00245E8B" w:rsidRDefault="00EC6E6D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22F3FC46" w:rsidR="00EC6E6D" w:rsidRPr="00F94A99" w:rsidRDefault="00445C8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A53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Maskinfabrikker, -værksteder 100-1000 m2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77777777" w:rsidR="004D6D3B" w:rsidRPr="00B93A39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</w:p>
        </w:tc>
        <w:tc>
          <w:tcPr>
            <w:tcW w:w="1134" w:type="dxa"/>
          </w:tcPr>
          <w:p w14:paraId="240C7CBB" w14:textId="77777777" w:rsidR="004D6D3B" w:rsidRPr="00B93A39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End w:id="17"/>
          </w:p>
        </w:tc>
        <w:tc>
          <w:tcPr>
            <w:tcW w:w="1417" w:type="dxa"/>
          </w:tcPr>
          <w:p w14:paraId="0E19DDC4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115D54CA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" w:name="ind_enforce_comments"/>
            <w:bookmarkEnd w:id="18"/>
          </w:p>
        </w:tc>
      </w:tr>
      <w:tr w:rsidR="004D6D3B" w:rsidRPr="00F94A99" w14:paraId="465F4E07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1054F08E" w14:textId="77777777" w:rsidR="004D6D3B" w:rsidRPr="00CE67CB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59D2359" w14:textId="77777777" w:rsidR="004D6D3B" w:rsidRPr="00CE67CB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1861C3CF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79A191B2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581C62D7" w14:textId="77777777"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descr_process"/>
            <w:bookmarkEnd w:id="19"/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product_area"/>
            <w:bookmarkEnd w:id="20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employee_prod"/>
            <w:bookmarkEnd w:id="21"/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operating_time"/>
            <w:bookmarkEnd w:id="22"/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operating_time_sat"/>
            <w:bookmarkEnd w:id="23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operating_time_sun"/>
            <w:bookmarkEnd w:id="24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env_control_code_env_control_name"/>
            <w:bookmarkEnd w:id="25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6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26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7E616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air_emis_source_source_idX2"/>
            <w:bookmarkEnd w:id="27"/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106B66A4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34D5A3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79C4355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" w:name="ind_air_emis_source_source_id"/>
            <w:bookmarkEnd w:id="28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77777777" w:rsidR="00EC6E6D" w:rsidRPr="005D2D5F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9" w:name="ind_energy_types_energy_type_name"/>
            <w:bookmarkEnd w:id="29"/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0521CC0B" w:rsidR="00EC6E6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" w:name="ind_control_items_control_item_name"/>
            <w:bookmarkEnd w:id="30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AA8D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control_items_control_item_name_2"/>
            <w:bookmarkEnd w:id="31"/>
          </w:p>
        </w:tc>
      </w:tr>
      <w:tr w:rsidR="00445C8D" w:rsidRPr="005D2D5F" w14:paraId="40F96CED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8DA7529" w14:textId="3BD4AA1F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" w:name="ind_control_items_control_item_name_3"/>
            <w:bookmarkEnd w:id="32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FCDB082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" w:name="ind_control_items_control_item_name_4"/>
            <w:bookmarkEnd w:id="33"/>
          </w:p>
        </w:tc>
      </w:tr>
      <w:tr w:rsidR="00445C8D" w:rsidRPr="005D2D5F" w14:paraId="09A32BFD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2CB6917" w14:textId="53DB490C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control_items_control_item_name_5"/>
            <w:bookmarkEnd w:id="34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08B4356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control_items_control_item_name_6"/>
            <w:bookmarkEnd w:id="35"/>
          </w:p>
        </w:tc>
      </w:tr>
      <w:tr w:rsidR="00445C8D" w:rsidRPr="005D2D5F" w14:paraId="7977BBD8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9CB3CD" w14:textId="016E3805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control_items_control_item_name_7"/>
            <w:bookmarkEnd w:id="36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1AA9DE2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" w:name="ind_control_items_control_item_name_8"/>
            <w:bookmarkEnd w:id="37"/>
          </w:p>
        </w:tc>
      </w:tr>
      <w:tr w:rsidR="00445C8D" w:rsidRPr="005D2D5F" w14:paraId="5098072D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22D74AE" w14:textId="73583671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control_items_control_item_name_9"/>
            <w:bookmarkEnd w:id="38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4E216F8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" w:name="ind_control_items_control_item_name_10"/>
            <w:bookmarkEnd w:id="39"/>
          </w:p>
        </w:tc>
      </w:tr>
      <w:tr w:rsidR="00445C8D" w:rsidRPr="005D2D5F" w14:paraId="2C61439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292CF86" w14:textId="2A6B4E01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control_items_control_item_name_11"/>
            <w:bookmarkEnd w:id="40"/>
            <w:r>
              <w:rPr>
                <w:rFonts w:ascii="Arial" w:hAnsi="Arial" w:cs="Arial"/>
                <w:sz w:val="20"/>
                <w:szCs w:val="20"/>
              </w:rPr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52FF89B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41" w:name="_Toc54669304"/>
      <w:r w:rsidRPr="005D2D5F">
        <w:rPr>
          <w:rFonts w:ascii="Arial" w:hAnsi="Arial" w:cs="Arial"/>
          <w:sz w:val="28"/>
          <w:szCs w:val="28"/>
        </w:rPr>
        <w:lastRenderedPageBreak/>
        <w:t>Støj</w:t>
      </w:r>
      <w:bookmarkEnd w:id="41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ABC8A5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2" w:name="ind_noise_noise_id"/>
            <w:bookmarkEnd w:id="42"/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E13DF9C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719C34C8" w:rsidR="00EC6E6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control_items_control_item_nameX2"/>
            <w:bookmarkEnd w:id="43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E9CFE0F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control_items_control_item_nameX2_2"/>
            <w:bookmarkEnd w:id="44"/>
          </w:p>
        </w:tc>
      </w:tr>
      <w:tr w:rsidR="00445C8D" w:rsidRPr="005D2D5F" w14:paraId="039562F4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F7BD02E" w14:textId="1501CE62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control_items_control_item_nameX2_3"/>
            <w:bookmarkEnd w:id="45"/>
            <w:r>
              <w:rPr>
                <w:rFonts w:ascii="Arial" w:hAnsi="Arial" w:cs="Arial"/>
                <w:sz w:val="20"/>
                <w:szCs w:val="20"/>
              </w:rPr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BEE6493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control_items_control_item_nameX2_4"/>
            <w:bookmarkEnd w:id="46"/>
          </w:p>
        </w:tc>
      </w:tr>
      <w:tr w:rsidR="00445C8D" w:rsidRPr="005D2D5F" w14:paraId="636EF8AF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ADE379A" w14:textId="334746C3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X2_5"/>
            <w:bookmarkEnd w:id="47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A081734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X2_6"/>
            <w:bookmarkEnd w:id="48"/>
          </w:p>
        </w:tc>
      </w:tr>
      <w:tr w:rsidR="00445C8D" w:rsidRPr="005D2D5F" w14:paraId="3FFA62FD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4A83EAE" w14:textId="03B45DFA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X2_7"/>
            <w:bookmarkEnd w:id="49"/>
            <w:r>
              <w:rPr>
                <w:rFonts w:ascii="Arial" w:hAnsi="Arial" w:cs="Arial"/>
                <w:sz w:val="20"/>
                <w:szCs w:val="20"/>
              </w:rPr>
              <w:t>Støj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57977EC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0" w:name="ind_w_water_amount_permission_id"/>
            <w:bookmarkEnd w:id="50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39860009" w:rsidR="00EC6E6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X3"/>
            <w:bookmarkEnd w:id="51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7921269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2" w:name="ind_control_items_control_item_nameX3_2"/>
            <w:bookmarkEnd w:id="52"/>
          </w:p>
        </w:tc>
      </w:tr>
      <w:tr w:rsidR="00445C8D" w:rsidRPr="005D2D5F" w14:paraId="3A9A7076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42F9E8E" w14:textId="51D924ED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X3_3"/>
            <w:bookmarkEnd w:id="53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E2887A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X3_4"/>
            <w:bookmarkEnd w:id="54"/>
          </w:p>
        </w:tc>
      </w:tr>
      <w:tr w:rsidR="00445C8D" w:rsidRPr="005D2D5F" w14:paraId="7FAB6158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635099A" w14:textId="6CC25916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control_items_control_item_nameX3_5"/>
            <w:bookmarkEnd w:id="55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BBE540D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control_items_control_item_nameX3_6"/>
            <w:bookmarkEnd w:id="56"/>
          </w:p>
        </w:tc>
      </w:tr>
      <w:tr w:rsidR="00445C8D" w:rsidRPr="005D2D5F" w14:paraId="6294DD46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0ED10F4" w14:textId="03F9B2A2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7" w:name="ind_control_items_control_item_nameX3_7"/>
            <w:bookmarkEnd w:id="57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1B046B2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control_items_control_item_nameX3_8"/>
            <w:bookmarkEnd w:id="58"/>
          </w:p>
        </w:tc>
      </w:tr>
      <w:tr w:rsidR="00445C8D" w:rsidRPr="005D2D5F" w14:paraId="0DCE4F3F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A9C0310" w14:textId="3EC2E11B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9" w:name="ind_control_items_control_item_nameX3_9"/>
            <w:bookmarkEnd w:id="59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E2E35AF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0" w:name="ind_control_items_control_item_nameX3_10"/>
            <w:bookmarkEnd w:id="60"/>
          </w:p>
        </w:tc>
      </w:tr>
      <w:tr w:rsidR="00445C8D" w:rsidRPr="005D2D5F" w14:paraId="500F5BAE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2A3D2C6" w14:textId="783D0856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1" w:name="ind_control_items_control_item_nameX3_11"/>
            <w:bookmarkEnd w:id="61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1D9EABD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2" w:name="ind_control_items_control_item_nameX3_12"/>
            <w:bookmarkEnd w:id="62"/>
          </w:p>
        </w:tc>
      </w:tr>
      <w:tr w:rsidR="00445C8D" w:rsidRPr="005D2D5F" w14:paraId="7CDC5619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BE870D9" w14:textId="2BDFFD96" w:rsidR="00445C8D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3" w:name="ind_control_items_control_item_nameX3_13"/>
            <w:bookmarkEnd w:id="63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F3E1C9C" w14:textId="77777777" w:rsidR="00445C8D" w:rsidRPr="005D2D5F" w:rsidRDefault="00445C8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64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64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5" w:name="ind_w_water_amount_idX2"/>
            <w:bookmarkEnd w:id="65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4B102AC0" w:rsidR="00EC6E6D" w:rsidRPr="00B93A39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6" w:name="ind_control_items_control_item_nameX4"/>
            <w:bookmarkEnd w:id="66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49EB977" w14:textId="77777777" w:rsidR="00EC6E6D" w:rsidRPr="00B93A39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7" w:name="ind_control_items_control_item_nameX4_2"/>
            <w:bookmarkEnd w:id="67"/>
          </w:p>
        </w:tc>
      </w:tr>
      <w:tr w:rsidR="00445C8D" w:rsidRPr="00F94A99" w14:paraId="6A2457E6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48A23F9" w14:textId="0F4CEF3F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8" w:name="ind_control_items_control_item_nameX4_3"/>
            <w:bookmarkEnd w:id="68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292F095" w14:textId="77777777" w:rsidR="00445C8D" w:rsidRPr="00B93A39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9" w:name="ind_control_items_control_item_nameX4_4"/>
            <w:bookmarkEnd w:id="69"/>
          </w:p>
        </w:tc>
      </w:tr>
      <w:tr w:rsidR="00445C8D" w:rsidRPr="00F94A99" w14:paraId="1600E8F5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BEFA947" w14:textId="3BF5B3FB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0" w:name="ind_control_items_control_item_nameX4_5"/>
            <w:bookmarkEnd w:id="70"/>
            <w:r>
              <w:rPr>
                <w:rFonts w:ascii="Arial" w:hAnsi="Arial" w:cs="Arial"/>
                <w:sz w:val="20"/>
                <w:szCs w:val="20"/>
              </w:rPr>
              <w:t>Udskiller, funktionsafprøvning af 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43DE82D" w14:textId="77777777" w:rsidR="00445C8D" w:rsidRPr="00B93A39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control_items_control_item_nameX4_6"/>
            <w:bookmarkEnd w:id="71"/>
          </w:p>
        </w:tc>
      </w:tr>
      <w:tr w:rsidR="00445C8D" w:rsidRPr="00F94A99" w14:paraId="017BBF0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6C11410" w14:textId="035B695A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2" w:name="ind_control_items_control_item_nameX4_7"/>
            <w:bookmarkEnd w:id="72"/>
            <w:r>
              <w:rPr>
                <w:rFonts w:ascii="Arial" w:hAnsi="Arial" w:cs="Arial"/>
                <w:sz w:val="20"/>
                <w:szCs w:val="20"/>
              </w:rPr>
              <w:t>Udskillere, vilkår i 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82B5580" w14:textId="77777777" w:rsidR="00445C8D" w:rsidRPr="00B93A39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73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73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4" w:name="ind_tank_ind_tank_id"/>
            <w:bookmarkEnd w:id="74"/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B37E61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</w:tcPr>
          <w:p w14:paraId="3A81F9A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</w:tcPr>
          <w:p w14:paraId="2752A56D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</w:tcPr>
          <w:p w14:paraId="28A11DD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8019EE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13DDE239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5" w:name="bbr_tech_inst_land_parcel_id"/>
            <w:bookmarkEnd w:id="75"/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423C58EF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202C9374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69219FAE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49F7CE8C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42BB9FC2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32ECB995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7536AB7D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4D5DDBF6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9B744" w14:textId="64E548F5" w:rsidR="00EC6E6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6" w:name="ind_control_items_control_item_nameX5"/>
            <w:bookmarkEnd w:id="76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EC8780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7" w:name="ind_control_items_control_item_nameX5_2"/>
            <w:bookmarkEnd w:id="77"/>
          </w:p>
        </w:tc>
      </w:tr>
      <w:tr w:rsidR="00445C8D" w:rsidRPr="00245E8B" w14:paraId="791273BB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B3431F8" w14:textId="53EEBDA0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8" w:name="ind_control_items_control_item_nameX5_3"/>
            <w:bookmarkEnd w:id="78"/>
            <w:r>
              <w:rPr>
                <w:rFonts w:ascii="Arial" w:hAnsi="Arial" w:cs="Arial"/>
                <w:sz w:val="20"/>
                <w:szCs w:val="20"/>
              </w:rPr>
              <w:t>Olietanke, opstilling/plac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C6DBDAD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9" w:name="ind_control_items_control_item_nameX5_4"/>
            <w:bookmarkEnd w:id="79"/>
          </w:p>
        </w:tc>
      </w:tr>
      <w:tr w:rsidR="00445C8D" w:rsidRPr="00245E8B" w14:paraId="362F78C6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73EBB50" w14:textId="563920B1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0" w:name="ind_control_items_control_item_nameX5_5"/>
            <w:bookmarkEnd w:id="80"/>
            <w:r>
              <w:rPr>
                <w:rFonts w:ascii="Arial" w:hAnsi="Arial" w:cs="Arial"/>
                <w:sz w:val="20"/>
                <w:szCs w:val="20"/>
              </w:rPr>
              <w:t xml:space="preserve">Olietanke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/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afb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sløjf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CA4B7E3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control_items_control_item_nameX5_6"/>
            <w:bookmarkEnd w:id="81"/>
          </w:p>
        </w:tc>
      </w:tr>
      <w:tr w:rsidR="00445C8D" w:rsidRPr="00245E8B" w14:paraId="6A9361BC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A8BF05A" w14:textId="33194682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2" w:name="ind_control_items_control_item_nameX5_7"/>
            <w:bookmarkEnd w:id="82"/>
            <w:r>
              <w:rPr>
                <w:rFonts w:ascii="Arial" w:hAnsi="Arial" w:cs="Arial"/>
                <w:sz w:val="20"/>
                <w:szCs w:val="20"/>
              </w:rPr>
              <w:t>Olietanke, tankattest/tankski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0AEEC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3" w:name="ind_control_items_control_item_nameX5_8"/>
            <w:bookmarkEnd w:id="83"/>
          </w:p>
        </w:tc>
      </w:tr>
      <w:tr w:rsidR="00445C8D" w:rsidRPr="00245E8B" w14:paraId="545D66FA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061FC8F" w14:textId="1E446E06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4" w:name="ind_control_items_control_item_nameX5_9"/>
            <w:bookmarkEnd w:id="84"/>
            <w:r>
              <w:rPr>
                <w:rFonts w:ascii="Arial" w:hAnsi="Arial" w:cs="Arial"/>
                <w:sz w:val="20"/>
                <w:szCs w:val="20"/>
              </w:rPr>
              <w:t>Olietanke, sløjfningstermi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A22CE9E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5" w:name="ind_control_items_control_item_nameX5_10"/>
            <w:bookmarkEnd w:id="85"/>
          </w:p>
        </w:tc>
      </w:tr>
      <w:tr w:rsidR="00445C8D" w:rsidRPr="00245E8B" w14:paraId="51ED4748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CDE5677" w14:textId="16D4766A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control_items_control_item_nameX5_11"/>
            <w:bookmarkEnd w:id="86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8A80C51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7" w:name="ind_control_items_control_item_nameX5_12"/>
            <w:bookmarkEnd w:id="87"/>
          </w:p>
        </w:tc>
      </w:tr>
      <w:tr w:rsidR="00445C8D" w:rsidRPr="00245E8B" w14:paraId="3167DAF8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5BAA2A7" w14:textId="78481E2D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8" w:name="ind_control_items_control_item_nameX5_13"/>
            <w:bookmarkEnd w:id="88"/>
            <w:r>
              <w:rPr>
                <w:rFonts w:ascii="Arial" w:hAnsi="Arial" w:cs="Arial"/>
                <w:sz w:val="20"/>
                <w:szCs w:val="20"/>
              </w:rPr>
              <w:t>Olietanke, overjordiske, overløbs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3FECF6A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9" w:name="ind_control_items_control_item_nameX5_14"/>
            <w:bookmarkEnd w:id="89"/>
          </w:p>
        </w:tc>
      </w:tr>
      <w:tr w:rsidR="00445C8D" w:rsidRPr="00245E8B" w14:paraId="7764364B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C3990DE" w14:textId="5A83C951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0" w:name="ind_control_items_control_item_nameX5_15"/>
            <w:bookmarkEnd w:id="90"/>
            <w:r>
              <w:rPr>
                <w:rFonts w:ascii="Arial" w:hAnsi="Arial" w:cs="Arial"/>
                <w:sz w:val="20"/>
                <w:szCs w:val="20"/>
              </w:rPr>
              <w:t xml:space="preserve">Olietanke, belægninger v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åfyldningspl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77750D1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control_items_control_item_nameX5_16"/>
            <w:bookmarkEnd w:id="91"/>
          </w:p>
        </w:tc>
      </w:tr>
      <w:tr w:rsidR="00445C8D" w:rsidRPr="00245E8B" w14:paraId="6FB90A59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21DF5AB" w14:textId="28CEEDE5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2" w:name="ind_control_items_control_item_nameX5_17"/>
            <w:bookmarkEnd w:id="92"/>
            <w:r>
              <w:rPr>
                <w:rFonts w:ascii="Arial" w:hAnsi="Arial" w:cs="Arial"/>
                <w:sz w:val="20"/>
                <w:szCs w:val="20"/>
              </w:rPr>
              <w:t>Olietanke, belægninger ved salgs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2667591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3" w:name="ind_control_items_control_item_nameX5_18"/>
            <w:bookmarkEnd w:id="93"/>
          </w:p>
        </w:tc>
      </w:tr>
      <w:tr w:rsidR="00445C8D" w:rsidRPr="00245E8B" w14:paraId="3782627E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3400B60" w14:textId="20094A9A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4" w:name="ind_control_items_control_item_nameX5_19"/>
            <w:bookmarkEnd w:id="94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æthedsp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p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B012F5A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control_items_control_item_nameX5_20"/>
            <w:bookmarkEnd w:id="95"/>
          </w:p>
        </w:tc>
      </w:tr>
      <w:tr w:rsidR="00445C8D" w:rsidRPr="00245E8B" w14:paraId="5BDD25BE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D381DC" w14:textId="4DFDC669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6" w:name="ind_control_items_control_item_nameX5_21"/>
            <w:bookmarkEnd w:id="96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beh.regnskab</w:t>
            </w:r>
            <w:proofErr w:type="spellEnd"/>
            <w:proofErr w:type="gram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529B3A1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7" w:name="ind_control_items_control_item_nameX5_22"/>
            <w:bookmarkEnd w:id="97"/>
          </w:p>
        </w:tc>
      </w:tr>
      <w:tr w:rsidR="00445C8D" w:rsidRPr="00245E8B" w14:paraId="47EB776C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8705DCF" w14:textId="2F513E15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8" w:name="ind_control_items_control_item_nameX5_23"/>
            <w:bookmarkEnd w:id="98"/>
            <w:r>
              <w:rPr>
                <w:rFonts w:ascii="Arial" w:hAnsi="Arial" w:cs="Arial"/>
                <w:sz w:val="20"/>
                <w:szCs w:val="20"/>
              </w:rPr>
              <w:lastRenderedPageBreak/>
              <w:t>Olietanke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9CBBBAB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99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99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6AE01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0" w:name="ind_rawmat_types_rawmat_name"/>
            <w:bookmarkEnd w:id="100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A4F6C8D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044AFE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3BDD01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3E49F5A" w14:textId="77777777" w:rsidR="00EC6E6D" w:rsidRPr="00245E8B" w:rsidRDefault="00EC6E6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7F5A72" w14:textId="5AC768EB" w:rsidR="00EC6E6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1" w:name="ind_control_items_control_item_nameX6"/>
            <w:bookmarkEnd w:id="101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BDB3D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2" w:name="ind_control_items_control_item_nameX6_2"/>
            <w:bookmarkEnd w:id="102"/>
          </w:p>
        </w:tc>
      </w:tr>
      <w:tr w:rsidR="00445C8D" w:rsidRPr="00245E8B" w14:paraId="5D7511BE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5AD39B1" w14:textId="6F36961D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control_items_control_item_nameX6_3"/>
            <w:bookmarkEnd w:id="103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18B0614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4" w:name="ind_control_items_control_item_nameX6_4"/>
            <w:bookmarkEnd w:id="104"/>
          </w:p>
        </w:tc>
      </w:tr>
      <w:tr w:rsidR="00445C8D" w:rsidRPr="00245E8B" w14:paraId="5FDC9004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8D54F03" w14:textId="2B8DDA12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5" w:name="ind_control_items_control_item_nameX6_5"/>
            <w:bookmarkEnd w:id="105"/>
            <w:r>
              <w:rPr>
                <w:rFonts w:ascii="Arial" w:hAnsi="Arial" w:cs="Arial"/>
                <w:sz w:val="20"/>
                <w:szCs w:val="20"/>
              </w:rPr>
              <w:t>Råvarer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A44E39C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control_items_control_item_nameX6_6"/>
            <w:bookmarkEnd w:id="106"/>
          </w:p>
        </w:tc>
      </w:tr>
      <w:tr w:rsidR="00445C8D" w:rsidRPr="00245E8B" w14:paraId="7AB4B2E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5F4E1C8" w14:textId="013F89BB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7" w:name="ind_control_items_control_item_nameX6_7"/>
            <w:bookmarkEnd w:id="107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E868BFA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14F559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8" w:name="wst_fraction_1_fraction_1_nameX2"/>
            <w:bookmarkEnd w:id="108"/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DB08660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81FF67A" w14:textId="77777777"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D3F8BD9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CCDF903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4D6A408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95FACBC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7D9387B2" w:rsidR="00EC6E6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9" w:name="ind_control_items_control_item_nameX7"/>
            <w:bookmarkEnd w:id="109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0" w:name="ind_control_items_control_item_nameX7_2"/>
            <w:bookmarkEnd w:id="110"/>
          </w:p>
        </w:tc>
      </w:tr>
      <w:tr w:rsidR="00445C8D" w:rsidRPr="00245E8B" w14:paraId="118BBFD7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C0D40E1" w14:textId="394B527A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control_items_control_item_nameX7_3"/>
            <w:bookmarkEnd w:id="111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37EC656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2" w:name="ind_control_items_control_item_nameX7_4"/>
            <w:bookmarkEnd w:id="112"/>
          </w:p>
        </w:tc>
      </w:tr>
      <w:tr w:rsidR="00445C8D" w:rsidRPr="00245E8B" w14:paraId="28D4B815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659770E" w14:textId="03A6CCD5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3" w:name="ind_control_items_control_item_nameX7_5"/>
            <w:bookmarkEnd w:id="113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1392888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4" w:name="ind_control_items_control_item_nameX7_6"/>
            <w:bookmarkEnd w:id="114"/>
          </w:p>
        </w:tc>
      </w:tr>
      <w:tr w:rsidR="00445C8D" w:rsidRPr="00245E8B" w14:paraId="07E47263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458B427" w14:textId="6204FD08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5" w:name="ind_control_items_control_item_nameX7_7"/>
            <w:bookmarkEnd w:id="115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A040944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6" w:name="ind_control_items_control_item_nameX7_8"/>
            <w:bookmarkEnd w:id="116"/>
          </w:p>
        </w:tc>
      </w:tr>
      <w:tr w:rsidR="00445C8D" w:rsidRPr="00245E8B" w14:paraId="07F10E68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6C15ED6" w14:textId="45C26C25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7" w:name="ind_control_items_control_item_nameX7_9"/>
            <w:bookmarkEnd w:id="117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3601421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control_items_control_item_nameX7_10"/>
            <w:bookmarkEnd w:id="118"/>
          </w:p>
        </w:tc>
      </w:tr>
      <w:tr w:rsidR="00445C8D" w:rsidRPr="00245E8B" w14:paraId="55D39103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0108AC3" w14:textId="306F1069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control_items_control_item_nameX7_11"/>
            <w:bookmarkEnd w:id="119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5A8550C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0" w:name="ind_control_items_control_item_nameX7_12"/>
            <w:bookmarkEnd w:id="120"/>
          </w:p>
        </w:tc>
      </w:tr>
      <w:tr w:rsidR="00445C8D" w:rsidRPr="00245E8B" w14:paraId="593E8646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0320A15" w14:textId="4EB20D36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control_items_control_item_nameX7_13"/>
            <w:bookmarkEnd w:id="121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AB97EB4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2" w:name="ind_control_items_control_item_nameX7_14"/>
            <w:bookmarkEnd w:id="122"/>
          </w:p>
        </w:tc>
      </w:tr>
      <w:tr w:rsidR="00445C8D" w:rsidRPr="00245E8B" w14:paraId="084CF5B6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53D7370" w14:textId="0B7B0024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3" w:name="ind_control_items_control_item_nameX7_15"/>
            <w:bookmarkEnd w:id="123"/>
            <w:r>
              <w:rPr>
                <w:rFonts w:ascii="Arial" w:hAnsi="Arial" w:cs="Arial"/>
                <w:sz w:val="20"/>
                <w:szCs w:val="20"/>
              </w:rPr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1828C4C" w14:textId="77777777" w:rsidR="00445C8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lastRenderedPageBreak/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08C12CD3" w:rsidR="00EC6E6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4" w:name="ind_control_items_control_item_nameX11"/>
            <w:bookmarkEnd w:id="124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75E15E46" w:rsidR="00EC6E6D" w:rsidRPr="00245E8B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5" w:name="ind_control_items_control_item_nameX11_2"/>
            <w:bookmarkEnd w:id="125"/>
            <w:r>
              <w:rPr>
                <w:rFonts w:ascii="Arial" w:hAnsi="Arial" w:cs="Arial"/>
                <w:sz w:val="20"/>
                <w:szCs w:val="20"/>
              </w:rPr>
              <w:t>Der er ikke konstateret jordforurening i forbindelse med tilsynet.</w:t>
            </w:r>
          </w:p>
        </w:tc>
      </w:tr>
      <w:tr w:rsidR="00445C8D" w:rsidRPr="00245E8B" w14:paraId="237AFFFF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08F7DE1" w14:textId="40BBA670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6" w:name="ind_control_items_control_item_nameX11_3"/>
            <w:bookmarkEnd w:id="126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BDCDF9B" w14:textId="77777777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7" w:name="ind_control_items_control_item_nameX11_4"/>
            <w:bookmarkEnd w:id="127"/>
          </w:p>
        </w:tc>
      </w:tr>
      <w:tr w:rsidR="00445C8D" w:rsidRPr="00245E8B" w14:paraId="529FA51E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5BE89C7" w14:textId="518E647C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8" w:name="ind_control_items_control_item_nameX11_5"/>
            <w:bookmarkEnd w:id="128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9B868F8" w14:textId="77777777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9" w:name="ind_control_items_control_item_nameX11_6"/>
            <w:bookmarkEnd w:id="129"/>
          </w:p>
        </w:tc>
      </w:tr>
      <w:tr w:rsidR="00445C8D" w:rsidRPr="00245E8B" w14:paraId="6E4E5293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3C32CAE" w14:textId="4DC2C2D8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0" w:name="ind_control_items_control_item_nameX11_7"/>
            <w:bookmarkEnd w:id="130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195E3BC" w14:textId="77777777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1" w:name="ind_control_items_control_item_nameX11_8"/>
            <w:bookmarkEnd w:id="131"/>
          </w:p>
        </w:tc>
      </w:tr>
      <w:tr w:rsidR="00445C8D" w:rsidRPr="00245E8B" w14:paraId="050FE7C3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21F66D8" w14:textId="4E3AD18C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2" w:name="ind_control_items_control_item_nameX11_9"/>
            <w:bookmarkEnd w:id="132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9B94EC6" w14:textId="4185BA0E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ilsynet gav ikke anledning til bemærkninger.</w:t>
            </w:r>
          </w:p>
        </w:tc>
      </w:tr>
      <w:tr w:rsidR="00445C8D" w:rsidRPr="00245E8B" w14:paraId="025B1344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E76A" w14:textId="7AFED2F8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340A733" w14:textId="77777777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445C8D" w:rsidRPr="00245E8B" w14:paraId="01138351" w14:textId="77777777" w:rsidTr="00445C8D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54310C1" w14:textId="64A16D73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8E695F4" w14:textId="77777777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445C8D" w:rsidRPr="00245E8B" w14:paraId="33BF9551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283C41C" w14:textId="57D01439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3" w:name="ind_control_items_control_item_nameX11_1"/>
            <w:bookmarkEnd w:id="133"/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407366B" w14:textId="77777777" w:rsidR="00445C8D" w:rsidRDefault="00445C8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864853886">
    <w:abstractNumId w:val="11"/>
  </w:num>
  <w:num w:numId="2" w16cid:durableId="330446792">
    <w:abstractNumId w:val="8"/>
  </w:num>
  <w:num w:numId="3" w16cid:durableId="1660385021">
    <w:abstractNumId w:val="10"/>
  </w:num>
  <w:num w:numId="4" w16cid:durableId="1698047869">
    <w:abstractNumId w:val="9"/>
  </w:num>
  <w:num w:numId="5" w16cid:durableId="240867821">
    <w:abstractNumId w:val="7"/>
  </w:num>
  <w:num w:numId="6" w16cid:durableId="1669209239">
    <w:abstractNumId w:val="6"/>
  </w:num>
  <w:num w:numId="7" w16cid:durableId="446706705">
    <w:abstractNumId w:val="5"/>
  </w:num>
  <w:num w:numId="8" w16cid:durableId="564687391">
    <w:abstractNumId w:val="4"/>
  </w:num>
  <w:num w:numId="9" w16cid:durableId="2007705171">
    <w:abstractNumId w:val="3"/>
  </w:num>
  <w:num w:numId="10" w16cid:durableId="1081097442">
    <w:abstractNumId w:val="2"/>
  </w:num>
  <w:num w:numId="11" w16cid:durableId="900560028">
    <w:abstractNumId w:val="1"/>
  </w:num>
  <w:num w:numId="12" w16cid:durableId="939989897">
    <w:abstractNumId w:val="0"/>
  </w:num>
  <w:num w:numId="13" w16cid:durableId="650906770">
    <w:abstractNumId w:val="10"/>
  </w:num>
  <w:num w:numId="14" w16cid:durableId="361633613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3489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5C8D"/>
    <w:rsid w:val="00447672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64463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2B8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131B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ABF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2C9D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3489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6</Pages>
  <Words>351</Words>
  <Characters>3262</Characters>
  <Application>Microsoft Office Word</Application>
  <DocSecurity>0</DocSecurity>
  <Lines>543</Lines>
  <Paragraphs>225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33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Magnus Nygaard Butler</cp:lastModifiedBy>
  <cp:revision>2</cp:revision>
  <cp:lastPrinted>2010-03-04T09:12:00Z</cp:lastPrinted>
  <dcterms:created xsi:type="dcterms:W3CDTF">2025-05-21T09:04:00Z</dcterms:created>
  <dcterms:modified xsi:type="dcterms:W3CDTF">2025-05-21T09:04:00Z</dcterms:modified>
</cp:coreProperties>
</file>